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103\07_税政G\31年度\40_税財政データ集\03_R01年度完成版\"/>
    </mc:Choice>
  </mc:AlternateContent>
  <bookViews>
    <workbookView xWindow="0" yWindow="0" windowWidth="18660" windowHeight="7010"/>
  </bookViews>
  <sheets>
    <sheet name="固定　納税義務者数" sheetId="1" r:id="rId1"/>
    <sheet name="固定　課税標準額" sheetId="2" r:id="rId2"/>
  </sheets>
  <definedNames>
    <definedName name="_xlnm.Print_Area" localSheetId="1">'固定　課税標準額'!$A$1:$I$4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1" uniqueCount="52">
  <si>
    <t>４　固定資産税に関する調</t>
    <rPh sb="2" eb="4">
      <t>コテイ</t>
    </rPh>
    <rPh sb="4" eb="7">
      <t>シサンゼイ</t>
    </rPh>
    <rPh sb="8" eb="9">
      <t>カン</t>
    </rPh>
    <rPh sb="11" eb="12">
      <t>シラ</t>
    </rPh>
    <phoneticPr fontId="4"/>
  </si>
  <si>
    <t>（単位：人）</t>
    <rPh sb="1" eb="3">
      <t>タンイ</t>
    </rPh>
    <rPh sb="4" eb="5">
      <t>ニン</t>
    </rPh>
    <phoneticPr fontId="4"/>
  </si>
  <si>
    <t>区分</t>
    <rPh sb="0" eb="2">
      <t>クブン</t>
    </rPh>
    <phoneticPr fontId="4"/>
  </si>
  <si>
    <t>土地</t>
    <rPh sb="0" eb="2">
      <t>トチ</t>
    </rPh>
    <phoneticPr fontId="4"/>
  </si>
  <si>
    <t>家屋</t>
    <rPh sb="0" eb="2">
      <t>カオク</t>
    </rPh>
    <phoneticPr fontId="4"/>
  </si>
  <si>
    <t>償却資産</t>
    <rPh sb="0" eb="2">
      <t>ショウキャク</t>
    </rPh>
    <rPh sb="2" eb="4">
      <t>シサン</t>
    </rPh>
    <phoneticPr fontId="4"/>
  </si>
  <si>
    <t>合計</t>
    <rPh sb="0" eb="2">
      <t>ゴウケイ</t>
    </rPh>
    <phoneticPr fontId="4"/>
  </si>
  <si>
    <t>市町村名</t>
    <rPh sb="0" eb="3">
      <t>シチョウソン</t>
    </rPh>
    <rPh sb="3" eb="4">
      <t>メイ</t>
    </rPh>
    <phoneticPr fontId="4"/>
  </si>
  <si>
    <t>うち免税点以上</t>
    <rPh sb="2" eb="5">
      <t>メンゼイテン</t>
    </rPh>
    <rPh sb="5" eb="7">
      <t>イジョウ</t>
    </rPh>
    <phoneticPr fontId="4"/>
  </si>
  <si>
    <t>横浜市</t>
    <rPh sb="0" eb="3">
      <t>ヨコハマシ</t>
    </rPh>
    <phoneticPr fontId="4"/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県計</t>
    <rPh sb="0" eb="1">
      <t>ケン</t>
    </rPh>
    <rPh sb="1" eb="2">
      <t>ケイ</t>
    </rPh>
    <phoneticPr fontId="4"/>
  </si>
  <si>
    <t>（単位：千円、％）</t>
    <rPh sb="1" eb="3">
      <t>タンイ</t>
    </rPh>
    <rPh sb="4" eb="6">
      <t>センエン</t>
    </rPh>
    <phoneticPr fontId="4"/>
  </si>
  <si>
    <t>課税標準額</t>
    <rPh sb="0" eb="2">
      <t>カゼイ</t>
    </rPh>
    <rPh sb="2" eb="5">
      <t>ヒョウジュンガク</t>
    </rPh>
    <phoneticPr fontId="4"/>
  </si>
  <si>
    <t>構成比</t>
    <rPh sb="0" eb="3">
      <t>コウセイヒ</t>
    </rPh>
    <phoneticPr fontId="4"/>
  </si>
  <si>
    <t>　（１）　令和元年度固定資産税納税義務者数</t>
    <rPh sb="5" eb="7">
      <t>レイワ</t>
    </rPh>
    <rPh sb="7" eb="8">
      <t>ガン</t>
    </rPh>
    <rPh sb="8" eb="9">
      <t>ネン</t>
    </rPh>
    <rPh sb="9" eb="10">
      <t>ヘイネン</t>
    </rPh>
    <rPh sb="10" eb="12">
      <t>コテイ</t>
    </rPh>
    <rPh sb="12" eb="15">
      <t>シサンゼイ</t>
    </rPh>
    <rPh sb="15" eb="17">
      <t>ノウゼイ</t>
    </rPh>
    <rPh sb="17" eb="19">
      <t>ギム</t>
    </rPh>
    <rPh sb="19" eb="20">
      <t>シャ</t>
    </rPh>
    <rPh sb="20" eb="21">
      <t>スウ</t>
    </rPh>
    <phoneticPr fontId="4"/>
  </si>
  <si>
    <t>令和元年度分の固定資産の価格等の概要調書（1表、21表、69表）</t>
    <rPh sb="0" eb="2">
      <t>レイワ</t>
    </rPh>
    <rPh sb="2" eb="3">
      <t>ゲン</t>
    </rPh>
    <rPh sb="3" eb="5">
      <t>ネンド</t>
    </rPh>
    <rPh sb="5" eb="6">
      <t>ブン</t>
    </rPh>
    <rPh sb="7" eb="11">
      <t>コテイシサン</t>
    </rPh>
    <rPh sb="12" eb="14">
      <t>カカク</t>
    </rPh>
    <rPh sb="14" eb="15">
      <t>トウ</t>
    </rPh>
    <rPh sb="16" eb="18">
      <t>ガイヨウ</t>
    </rPh>
    <rPh sb="18" eb="20">
      <t>チョウショ</t>
    </rPh>
    <rPh sb="22" eb="23">
      <t>ヒョウ</t>
    </rPh>
    <phoneticPr fontId="4"/>
  </si>
  <si>
    <t>令和元年度分の固定資産の価格等の概要調書（2表、36表、70表）</t>
    <rPh sb="0" eb="2">
      <t>レイワ</t>
    </rPh>
    <rPh sb="2" eb="3">
      <t>ゲン</t>
    </rPh>
    <rPh sb="3" eb="5">
      <t>ネンド</t>
    </rPh>
    <rPh sb="5" eb="6">
      <t>ブン</t>
    </rPh>
    <rPh sb="7" eb="11">
      <t>コテイシサン</t>
    </rPh>
    <rPh sb="12" eb="14">
      <t>カカク</t>
    </rPh>
    <rPh sb="14" eb="15">
      <t>トウ</t>
    </rPh>
    <rPh sb="16" eb="18">
      <t>ガイヨウ</t>
    </rPh>
    <rPh sb="18" eb="20">
      <t>チョウショ</t>
    </rPh>
    <rPh sb="22" eb="23">
      <t>ヒョウ</t>
    </rPh>
    <phoneticPr fontId="4"/>
  </si>
  <si>
    <t>　（２）　令和元年度固定資産税課税標準額（法定免税点以上のもの）</t>
    <rPh sb="5" eb="7">
      <t>レイワ</t>
    </rPh>
    <rPh sb="7" eb="8">
      <t>ガン</t>
    </rPh>
    <rPh sb="8" eb="9">
      <t>ネン</t>
    </rPh>
    <rPh sb="9" eb="10">
      <t>ヘイネン</t>
    </rPh>
    <rPh sb="10" eb="12">
      <t>コテイ</t>
    </rPh>
    <rPh sb="12" eb="15">
      <t>シサンゼイ</t>
    </rPh>
    <rPh sb="15" eb="17">
      <t>カゼイ</t>
    </rPh>
    <rPh sb="17" eb="20">
      <t>ヒョウジュンガク</t>
    </rPh>
    <rPh sb="21" eb="23">
      <t>ホウテイ</t>
    </rPh>
    <rPh sb="23" eb="26">
      <t>メンゼイテン</t>
    </rPh>
    <rPh sb="26" eb="28">
      <t>イジョウ</t>
    </rPh>
    <phoneticPr fontId="4"/>
  </si>
  <si>
    <t>（注）「４　固定資産税に関する調」は平成31年１月１日現在の数値である。</t>
    <rPh sb="1" eb="2">
      <t>チュウ</t>
    </rPh>
    <rPh sb="6" eb="8">
      <t>コテイ</t>
    </rPh>
    <rPh sb="8" eb="10">
      <t>シサン</t>
    </rPh>
    <rPh sb="10" eb="11">
      <t>ゼイ</t>
    </rPh>
    <rPh sb="12" eb="13">
      <t>カン</t>
    </rPh>
    <rPh sb="15" eb="16">
      <t>シラ</t>
    </rPh>
    <rPh sb="18" eb="20">
      <t>ヘイセイ</t>
    </rPh>
    <rPh sb="22" eb="23">
      <t>ネン</t>
    </rPh>
    <rPh sb="24" eb="25">
      <t>ガツ</t>
    </rPh>
    <rPh sb="26" eb="27">
      <t>ニチ</t>
    </rPh>
    <rPh sb="27" eb="29">
      <t>ゲンザイ</t>
    </rPh>
    <rPh sb="30" eb="32">
      <t>スウチ</t>
    </rPh>
    <phoneticPr fontId="4"/>
  </si>
  <si>
    <t>（注）土地、家屋、償却資産の構成比は小数点以下第2位を四捨五入している。</t>
    <rPh sb="1" eb="2">
      <t>チュウ</t>
    </rPh>
    <rPh sb="3" eb="5">
      <t>トチ</t>
    </rPh>
    <rPh sb="6" eb="8">
      <t>カオク</t>
    </rPh>
    <rPh sb="9" eb="11">
      <t>ショウキャク</t>
    </rPh>
    <rPh sb="11" eb="13">
      <t>シサン</t>
    </rPh>
    <rPh sb="14" eb="17">
      <t>コウセイヒ</t>
    </rPh>
    <rPh sb="18" eb="21">
      <t>ショウスウテン</t>
    </rPh>
    <rPh sb="21" eb="23">
      <t>イカ</t>
    </rPh>
    <rPh sb="23" eb="24">
      <t>ダイ</t>
    </rPh>
    <rPh sb="25" eb="26">
      <t>イ</t>
    </rPh>
    <rPh sb="27" eb="31">
      <t>シシャゴニュ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1" formatCode="_ * #,##0_ ;_ * \-#,##0_ ;_ * &quot;-&quot;_ ;_ @_ "/>
    <numFmt numFmtId="176" formatCode="_ * #,##0.0_ ;_ * \-#,##0.0_ ;_ * &quot;-&quot;?_ ;_ @_ "/>
    <numFmt numFmtId="177" formatCode="#,##0_ "/>
    <numFmt numFmtId="178" formatCode="#,##0_);[Red]\(#,##0\)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8"/>
      <name val="ＭＳ 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11"/>
      <color indexed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0" fontId="8" fillId="0" borderId="0"/>
    <xf numFmtId="0" fontId="8" fillId="0" borderId="0"/>
  </cellStyleXfs>
  <cellXfs count="93">
    <xf numFmtId="0" fontId="0" fillId="0" borderId="0" xfId="0"/>
    <xf numFmtId="38" fontId="2" fillId="0" borderId="0" xfId="1" applyFont="1" applyFill="1" applyBorder="1" applyAlignment="1">
      <alignment vertical="center"/>
    </xf>
    <xf numFmtId="38" fontId="5" fillId="0" borderId="0" xfId="1" applyFont="1" applyFill="1" applyBorder="1" applyAlignment="1">
      <alignment vertical="center"/>
    </xf>
    <xf numFmtId="38" fontId="5" fillId="0" borderId="0" xfId="1" applyFont="1" applyFill="1" applyBorder="1" applyAlignment="1">
      <alignment horizontal="right" vertical="center"/>
    </xf>
    <xf numFmtId="38" fontId="6" fillId="0" borderId="0" xfId="1" applyFont="1" applyFill="1" applyBorder="1" applyAlignment="1">
      <alignment vertical="center"/>
    </xf>
    <xf numFmtId="38" fontId="5" fillId="0" borderId="0" xfId="1" applyFont="1" applyFill="1" applyBorder="1" applyAlignment="1">
      <alignment horizontal="center" vertical="center"/>
    </xf>
    <xf numFmtId="38" fontId="7" fillId="0" borderId="0" xfId="1" applyFont="1" applyFill="1" applyBorder="1" applyAlignment="1">
      <alignment vertical="center"/>
    </xf>
    <xf numFmtId="38" fontId="7" fillId="0" borderId="0" xfId="1" applyFont="1" applyFill="1" applyBorder="1" applyAlignment="1">
      <alignment horizontal="center" vertical="center"/>
    </xf>
    <xf numFmtId="38" fontId="7" fillId="0" borderId="0" xfId="1" applyFont="1" applyFill="1" applyBorder="1" applyAlignment="1">
      <alignment horizontal="right" vertical="center"/>
    </xf>
    <xf numFmtId="38" fontId="7" fillId="0" borderId="1" xfId="1" applyFont="1" applyFill="1" applyBorder="1" applyAlignment="1">
      <alignment horizontal="right" vertical="center" wrapText="1"/>
    </xf>
    <xf numFmtId="38" fontId="7" fillId="0" borderId="4" xfId="1" applyFont="1" applyFill="1" applyBorder="1" applyAlignment="1">
      <alignment vertical="center"/>
    </xf>
    <xf numFmtId="38" fontId="7" fillId="0" borderId="7" xfId="1" applyFont="1" applyFill="1" applyBorder="1" applyAlignment="1">
      <alignment vertical="center"/>
    </xf>
    <xf numFmtId="38" fontId="7" fillId="0" borderId="8" xfId="1" applyFont="1" applyFill="1" applyBorder="1" applyAlignment="1">
      <alignment horizontal="center" vertical="center"/>
    </xf>
    <xf numFmtId="38" fontId="7" fillId="0" borderId="9" xfId="1" applyFont="1" applyFill="1" applyBorder="1" applyAlignment="1">
      <alignment horizontal="center" vertical="center"/>
    </xf>
    <xf numFmtId="38" fontId="7" fillId="0" borderId="10" xfId="1" applyFont="1" applyFill="1" applyBorder="1" applyAlignment="1">
      <alignment horizontal="center" vertical="center"/>
    </xf>
    <xf numFmtId="38" fontId="7" fillId="0" borderId="11" xfId="1" applyFont="1" applyFill="1" applyBorder="1" applyAlignment="1">
      <alignment horizontal="center" vertical="center"/>
    </xf>
    <xf numFmtId="38" fontId="7" fillId="0" borderId="1" xfId="1" applyFont="1" applyFill="1" applyBorder="1" applyAlignment="1">
      <alignment horizontal="distributed" vertical="center"/>
    </xf>
    <xf numFmtId="41" fontId="7" fillId="0" borderId="0" xfId="0" quotePrefix="1" applyNumberFormat="1" applyFont="1" applyAlignment="1">
      <alignment vertical="center"/>
    </xf>
    <xf numFmtId="41" fontId="7" fillId="0" borderId="12" xfId="0" quotePrefix="1" applyNumberFormat="1" applyFont="1" applyBorder="1" applyAlignment="1">
      <alignment vertical="center"/>
    </xf>
    <xf numFmtId="41" fontId="7" fillId="0" borderId="13" xfId="2" applyNumberFormat="1" applyFont="1" applyFill="1" applyBorder="1" applyAlignment="1">
      <alignment vertical="center"/>
    </xf>
    <xf numFmtId="41" fontId="7" fillId="0" borderId="3" xfId="2" applyNumberFormat="1" applyFont="1" applyFill="1" applyBorder="1" applyAlignment="1">
      <alignment vertical="center"/>
    </xf>
    <xf numFmtId="41" fontId="7" fillId="0" borderId="14" xfId="1" quotePrefix="1" applyNumberFormat="1" applyFont="1" applyBorder="1" applyAlignment="1">
      <alignment vertical="center"/>
    </xf>
    <xf numFmtId="41" fontId="7" fillId="0" borderId="0" xfId="1" quotePrefix="1" applyNumberFormat="1" applyFont="1" applyBorder="1" applyAlignment="1">
      <alignment vertical="center"/>
    </xf>
    <xf numFmtId="41" fontId="7" fillId="0" borderId="13" xfId="1" applyNumberFormat="1" applyFont="1" applyFill="1" applyBorder="1" applyAlignment="1">
      <alignment vertical="center"/>
    </xf>
    <xf numFmtId="41" fontId="7" fillId="0" borderId="15" xfId="1" applyNumberFormat="1" applyFont="1" applyFill="1" applyBorder="1" applyAlignment="1">
      <alignment vertical="center"/>
    </xf>
    <xf numFmtId="38" fontId="7" fillId="0" borderId="4" xfId="1" applyFont="1" applyFill="1" applyBorder="1" applyAlignment="1">
      <alignment horizontal="distributed" vertical="center"/>
    </xf>
    <xf numFmtId="41" fontId="7" fillId="0" borderId="10" xfId="0" quotePrefix="1" applyNumberFormat="1" applyFont="1" applyBorder="1" applyAlignment="1">
      <alignment vertical="center"/>
    </xf>
    <xf numFmtId="41" fontId="7" fillId="0" borderId="10" xfId="2" applyNumberFormat="1" applyFont="1" applyFill="1" applyBorder="1" applyAlignment="1">
      <alignment vertical="center"/>
    </xf>
    <xf numFmtId="41" fontId="7" fillId="0" borderId="6" xfId="2" applyNumberFormat="1" applyFont="1" applyFill="1" applyBorder="1" applyAlignment="1">
      <alignment vertical="center"/>
    </xf>
    <xf numFmtId="41" fontId="7" fillId="0" borderId="16" xfId="1" quotePrefix="1" applyNumberFormat="1" applyFont="1" applyBorder="1" applyAlignment="1">
      <alignment vertical="center"/>
    </xf>
    <xf numFmtId="41" fontId="7" fillId="0" borderId="10" xfId="1" applyNumberFormat="1" applyFont="1" applyFill="1" applyBorder="1" applyAlignment="1">
      <alignment vertical="center"/>
    </xf>
    <xf numFmtId="41" fontId="7" fillId="0" borderId="17" xfId="1" applyNumberFormat="1" applyFont="1" applyFill="1" applyBorder="1" applyAlignment="1">
      <alignment vertical="center"/>
    </xf>
    <xf numFmtId="3" fontId="5" fillId="0" borderId="0" xfId="1" applyNumberFormat="1" applyFont="1" applyFill="1" applyBorder="1" applyAlignment="1">
      <alignment vertical="center"/>
    </xf>
    <xf numFmtId="38" fontId="7" fillId="0" borderId="18" xfId="1" applyFont="1" applyFill="1" applyBorder="1" applyAlignment="1">
      <alignment horizontal="distributed" vertical="center"/>
    </xf>
    <xf numFmtId="41" fontId="7" fillId="0" borderId="19" xfId="0" quotePrefix="1" applyNumberFormat="1" applyFont="1" applyBorder="1" applyAlignment="1">
      <alignment vertical="center"/>
    </xf>
    <xf numFmtId="41" fontId="7" fillId="0" borderId="20" xfId="0" quotePrefix="1" applyNumberFormat="1" applyFont="1" applyBorder="1" applyAlignment="1">
      <alignment vertical="center"/>
    </xf>
    <xf numFmtId="41" fontId="7" fillId="0" borderId="19" xfId="2" applyNumberFormat="1" applyFont="1" applyFill="1" applyBorder="1" applyAlignment="1">
      <alignment vertical="center"/>
    </xf>
    <xf numFmtId="41" fontId="7" fillId="0" borderId="21" xfId="1" quotePrefix="1" applyNumberFormat="1" applyFont="1" applyBorder="1" applyAlignment="1">
      <alignment vertical="center"/>
    </xf>
    <xf numFmtId="41" fontId="7" fillId="0" borderId="22" xfId="1" quotePrefix="1" applyNumberFormat="1" applyFont="1" applyBorder="1" applyAlignment="1">
      <alignment vertical="center"/>
    </xf>
    <xf numFmtId="41" fontId="7" fillId="0" borderId="19" xfId="1" applyNumberFormat="1" applyFont="1" applyFill="1" applyBorder="1" applyAlignment="1">
      <alignment vertical="center"/>
    </xf>
    <xf numFmtId="41" fontId="7" fillId="0" borderId="23" xfId="1" applyNumberFormat="1" applyFont="1" applyFill="1" applyBorder="1" applyAlignment="1">
      <alignment vertical="center"/>
    </xf>
    <xf numFmtId="38" fontId="7" fillId="0" borderId="24" xfId="1" applyFont="1" applyFill="1" applyBorder="1" applyAlignment="1">
      <alignment horizontal="distributed" vertical="center"/>
    </xf>
    <xf numFmtId="41" fontId="7" fillId="0" borderId="25" xfId="2" applyNumberFormat="1" applyFont="1" applyFill="1" applyBorder="1" applyAlignment="1">
      <alignment vertical="center"/>
    </xf>
    <xf numFmtId="41" fontId="7" fillId="0" borderId="26" xfId="1" applyNumberFormat="1" applyFont="1" applyFill="1" applyBorder="1" applyAlignment="1">
      <alignment vertical="center"/>
    </xf>
    <xf numFmtId="41" fontId="7" fillId="0" borderId="11" xfId="1" applyNumberFormat="1" applyFont="1" applyFill="1" applyBorder="1" applyAlignment="1">
      <alignment vertical="center"/>
    </xf>
    <xf numFmtId="41" fontId="7" fillId="0" borderId="26" xfId="2" applyNumberFormat="1" applyFont="1" applyFill="1" applyBorder="1" applyAlignment="1">
      <alignment vertical="center"/>
    </xf>
    <xf numFmtId="38" fontId="7" fillId="0" borderId="7" xfId="1" applyFont="1" applyFill="1" applyBorder="1" applyAlignment="1">
      <alignment horizontal="distributed" vertical="center"/>
    </xf>
    <xf numFmtId="41" fontId="7" fillId="0" borderId="8" xfId="0" quotePrefix="1" applyNumberFormat="1" applyFont="1" applyBorder="1" applyAlignment="1">
      <alignment vertical="center"/>
    </xf>
    <xf numFmtId="41" fontId="7" fillId="0" borderId="8" xfId="1" applyNumberFormat="1" applyFont="1" applyFill="1" applyBorder="1" applyAlignment="1">
      <alignment vertical="center"/>
    </xf>
    <xf numFmtId="41" fontId="7" fillId="0" borderId="27" xfId="1" applyNumberFormat="1" applyFont="1" applyFill="1" applyBorder="1" applyAlignment="1">
      <alignment vertical="center"/>
    </xf>
    <xf numFmtId="41" fontId="7" fillId="0" borderId="8" xfId="2" applyNumberFormat="1" applyFont="1" applyFill="1" applyBorder="1" applyAlignment="1">
      <alignment vertical="center"/>
    </xf>
    <xf numFmtId="41" fontId="7" fillId="0" borderId="29" xfId="2" applyNumberFormat="1" applyFont="1" applyFill="1" applyBorder="1" applyAlignment="1">
      <alignment vertical="center"/>
    </xf>
    <xf numFmtId="41" fontId="7" fillId="0" borderId="28" xfId="1" quotePrefix="1" applyNumberFormat="1" applyFont="1" applyBorder="1" applyAlignment="1">
      <alignment vertical="center"/>
    </xf>
    <xf numFmtId="41" fontId="7" fillId="0" borderId="0" xfId="0" quotePrefix="1" applyNumberFormat="1" applyFont="1" applyBorder="1" applyAlignment="1">
      <alignment vertical="center"/>
    </xf>
    <xf numFmtId="176" fontId="7" fillId="0" borderId="5" xfId="1" applyNumberFormat="1" applyFont="1" applyFill="1" applyBorder="1" applyAlignment="1">
      <alignment vertical="center"/>
    </xf>
    <xf numFmtId="177" fontId="7" fillId="0" borderId="4" xfId="2" applyNumberFormat="1" applyFont="1" applyFill="1" applyBorder="1" applyAlignment="1">
      <alignment vertical="center"/>
    </xf>
    <xf numFmtId="176" fontId="7" fillId="0" borderId="6" xfId="1" applyNumberFormat="1" applyFont="1" applyFill="1" applyBorder="1" applyAlignment="1">
      <alignment vertical="center"/>
    </xf>
    <xf numFmtId="41" fontId="7" fillId="0" borderId="4" xfId="1" applyNumberFormat="1" applyFont="1" applyFill="1" applyBorder="1" applyAlignment="1">
      <alignment vertical="center"/>
    </xf>
    <xf numFmtId="176" fontId="7" fillId="0" borderId="4" xfId="1" applyNumberFormat="1" applyFont="1" applyFill="1" applyBorder="1" applyAlignment="1">
      <alignment vertical="center"/>
    </xf>
    <xf numFmtId="178" fontId="7" fillId="0" borderId="4" xfId="2" applyNumberFormat="1" applyFont="1" applyFill="1" applyBorder="1" applyAlignment="1">
      <alignment vertical="center"/>
    </xf>
    <xf numFmtId="41" fontId="7" fillId="0" borderId="18" xfId="0" quotePrefix="1" applyNumberFormat="1" applyFont="1" applyBorder="1" applyAlignment="1">
      <alignment vertical="center"/>
    </xf>
    <xf numFmtId="176" fontId="7" fillId="0" borderId="31" xfId="1" applyNumberFormat="1" applyFont="1" applyFill="1" applyBorder="1" applyAlignment="1">
      <alignment vertical="center"/>
    </xf>
    <xf numFmtId="176" fontId="7" fillId="0" borderId="22" xfId="1" applyNumberFormat="1" applyFont="1" applyFill="1" applyBorder="1" applyAlignment="1">
      <alignment vertical="center"/>
    </xf>
    <xf numFmtId="41" fontId="7" fillId="0" borderId="18" xfId="1" applyNumberFormat="1" applyFont="1" applyFill="1" applyBorder="1" applyAlignment="1">
      <alignment vertical="center"/>
    </xf>
    <xf numFmtId="176" fontId="7" fillId="0" borderId="18" xfId="1" applyNumberFormat="1" applyFont="1" applyFill="1" applyBorder="1" applyAlignment="1">
      <alignment vertical="center"/>
    </xf>
    <xf numFmtId="176" fontId="7" fillId="0" borderId="32" xfId="1" applyNumberFormat="1" applyFont="1" applyFill="1" applyBorder="1" applyAlignment="1">
      <alignment vertical="center"/>
    </xf>
    <xf numFmtId="178" fontId="7" fillId="0" borderId="24" xfId="2" applyNumberFormat="1" applyFont="1" applyFill="1" applyBorder="1" applyAlignment="1">
      <alignment vertical="center"/>
    </xf>
    <xf numFmtId="176" fontId="7" fillId="0" borderId="25" xfId="1" applyNumberFormat="1" applyFont="1" applyFill="1" applyBorder="1" applyAlignment="1">
      <alignment vertical="center"/>
    </xf>
    <xf numFmtId="41" fontId="7" fillId="0" borderId="24" xfId="1" applyNumberFormat="1" applyFont="1" applyFill="1" applyBorder="1" applyAlignment="1">
      <alignment vertical="center"/>
    </xf>
    <xf numFmtId="176" fontId="7" fillId="0" borderId="24" xfId="1" applyNumberFormat="1" applyFont="1" applyFill="1" applyBorder="1" applyAlignment="1">
      <alignment vertical="center"/>
    </xf>
    <xf numFmtId="178" fontId="7" fillId="0" borderId="18" xfId="2" applyNumberFormat="1" applyFont="1" applyFill="1" applyBorder="1" applyAlignment="1">
      <alignment vertical="center"/>
    </xf>
    <xf numFmtId="41" fontId="7" fillId="0" borderId="24" xfId="0" quotePrefix="1" applyNumberFormat="1" applyFont="1" applyBorder="1" applyAlignment="1">
      <alignment vertical="center"/>
    </xf>
    <xf numFmtId="176" fontId="7" fillId="0" borderId="30" xfId="1" applyNumberFormat="1" applyFont="1" applyFill="1" applyBorder="1" applyAlignment="1">
      <alignment vertical="center"/>
    </xf>
    <xf numFmtId="176" fontId="7" fillId="0" borderId="29" xfId="1" applyNumberFormat="1" applyFont="1" applyFill="1" applyBorder="1" applyAlignment="1">
      <alignment vertical="center"/>
    </xf>
    <xf numFmtId="41" fontId="7" fillId="0" borderId="7" xfId="1" applyNumberFormat="1" applyFont="1" applyFill="1" applyBorder="1" applyAlignment="1">
      <alignment vertical="center"/>
    </xf>
    <xf numFmtId="176" fontId="7" fillId="0" borderId="7" xfId="1" applyNumberFormat="1" applyFont="1" applyFill="1" applyBorder="1" applyAlignment="1">
      <alignment vertical="center"/>
    </xf>
    <xf numFmtId="41" fontId="7" fillId="0" borderId="0" xfId="0" quotePrefix="1" applyNumberFormat="1" applyFont="1" applyFill="1" applyAlignment="1">
      <alignment vertical="center"/>
    </xf>
    <xf numFmtId="41" fontId="7" fillId="0" borderId="18" xfId="0" quotePrefix="1" applyNumberFormat="1" applyFont="1" applyFill="1" applyBorder="1" applyAlignment="1">
      <alignment vertical="center"/>
    </xf>
    <xf numFmtId="41" fontId="7" fillId="0" borderId="24" xfId="0" quotePrefix="1" applyNumberFormat="1" applyFont="1" applyFill="1" applyBorder="1" applyAlignment="1">
      <alignment vertical="center"/>
    </xf>
    <xf numFmtId="41" fontId="7" fillId="0" borderId="33" xfId="0" quotePrefix="1" applyNumberFormat="1" applyFont="1" applyBorder="1" applyAlignment="1">
      <alignment vertical="center"/>
    </xf>
    <xf numFmtId="41" fontId="7" fillId="0" borderId="33" xfId="1" quotePrefix="1" applyNumberFormat="1" applyFont="1" applyBorder="1" applyAlignment="1">
      <alignment vertical="center"/>
    </xf>
    <xf numFmtId="41" fontId="7" fillId="0" borderId="10" xfId="1" quotePrefix="1" applyNumberFormat="1" applyFont="1" applyBorder="1" applyAlignment="1">
      <alignment vertical="center"/>
    </xf>
    <xf numFmtId="178" fontId="7" fillId="0" borderId="7" xfId="2" applyNumberFormat="1" applyFont="1" applyFill="1" applyBorder="1" applyAlignment="1">
      <alignment vertical="center"/>
    </xf>
    <xf numFmtId="41" fontId="7" fillId="0" borderId="33" xfId="0" quotePrefix="1" applyNumberFormat="1" applyFont="1" applyFill="1" applyBorder="1" applyAlignment="1">
      <alignment vertical="center"/>
    </xf>
    <xf numFmtId="178" fontId="7" fillId="0" borderId="7" xfId="3" applyNumberFormat="1" applyFont="1" applyFill="1" applyBorder="1" applyAlignment="1">
      <alignment vertical="center"/>
    </xf>
    <xf numFmtId="38" fontId="7" fillId="0" borderId="2" xfId="1" applyFont="1" applyFill="1" applyBorder="1" applyAlignment="1">
      <alignment horizontal="center" vertical="center"/>
    </xf>
    <xf numFmtId="38" fontId="7" fillId="0" borderId="3" xfId="1" applyFont="1" applyFill="1" applyBorder="1" applyAlignment="1">
      <alignment horizontal="center" vertical="center"/>
    </xf>
    <xf numFmtId="38" fontId="7" fillId="0" borderId="5" xfId="1" applyFont="1" applyFill="1" applyBorder="1" applyAlignment="1">
      <alignment horizontal="center" vertical="center"/>
    </xf>
    <xf numFmtId="38" fontId="7" fillId="0" borderId="6" xfId="1" applyFont="1" applyFill="1" applyBorder="1" applyAlignment="1">
      <alignment horizontal="center" vertical="center"/>
    </xf>
    <xf numFmtId="38" fontId="7" fillId="0" borderId="1" xfId="1" applyFont="1" applyFill="1" applyBorder="1" applyAlignment="1">
      <alignment horizontal="center" vertical="center"/>
    </xf>
    <xf numFmtId="38" fontId="7" fillId="0" borderId="7" xfId="1" applyFont="1" applyFill="1" applyBorder="1" applyAlignment="1">
      <alignment horizontal="center" vertical="center"/>
    </xf>
    <xf numFmtId="38" fontId="7" fillId="0" borderId="30" xfId="1" applyFont="1" applyFill="1" applyBorder="1" applyAlignment="1">
      <alignment horizontal="center" vertical="center"/>
    </xf>
    <xf numFmtId="38" fontId="7" fillId="0" borderId="29" xfId="1" applyFont="1" applyFill="1" applyBorder="1" applyAlignment="1">
      <alignment horizontal="center" vertical="center"/>
    </xf>
  </cellXfs>
  <cellStyles count="4">
    <cellStyle name="桁区切り" xfId="1" builtinId="6"/>
    <cellStyle name="標準" xfId="0" builtinId="0"/>
    <cellStyle name="標準_Sheet1" xfId="2"/>
    <cellStyle name="標準_Sheet2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9525</xdr:rowOff>
    </xdr:from>
    <xdr:to>
      <xdr:col>1</xdr:col>
      <xdr:colOff>0</xdr:colOff>
      <xdr:row>7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H="1" flipV="1">
          <a:off x="0" y="514350"/>
          <a:ext cx="1019175" cy="4476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9525</xdr:rowOff>
    </xdr:from>
    <xdr:to>
      <xdr:col>1</xdr:col>
      <xdr:colOff>0</xdr:colOff>
      <xdr:row>7</xdr:row>
      <xdr:rowOff>0</xdr:rowOff>
    </xdr:to>
    <xdr:sp macro="" textlink="">
      <xdr:nvSpPr>
        <xdr:cNvPr id="2" name="Line 2"/>
        <xdr:cNvSpPr>
          <a:spLocks noChangeShapeType="1"/>
        </xdr:cNvSpPr>
      </xdr:nvSpPr>
      <xdr:spPr bwMode="auto">
        <a:xfrm flipH="1" flipV="1">
          <a:off x="0" y="504825"/>
          <a:ext cx="962025" cy="4476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43"/>
  <sheetViews>
    <sheetView tabSelected="1" workbookViewId="0">
      <pane xSplit="1" ySplit="7" topLeftCell="B8" activePane="bottomRight" state="frozen"/>
      <selection pane="topRight"/>
      <selection pane="bottomLeft"/>
      <selection pane="bottomRight"/>
    </sheetView>
  </sheetViews>
  <sheetFormatPr defaultColWidth="12.6328125" defaultRowHeight="11.15" customHeight="1" x14ac:dyDescent="0.2"/>
  <cols>
    <col min="1" max="1" width="13.36328125" style="2" customWidth="1"/>
    <col min="2" max="9" width="13.7265625" style="2" customWidth="1"/>
    <col min="10" max="16384" width="12.6328125" style="2"/>
  </cols>
  <sheetData>
    <row r="1" spans="1:12" ht="15.75" customHeight="1" x14ac:dyDescent="0.2">
      <c r="A1" s="1" t="s">
        <v>0</v>
      </c>
      <c r="L1" s="3"/>
    </row>
    <row r="2" spans="1:12" ht="13.5" customHeight="1" x14ac:dyDescent="0.2">
      <c r="A2" s="4" t="s">
        <v>46</v>
      </c>
      <c r="B2" s="5"/>
      <c r="C2" s="5"/>
      <c r="D2" s="5"/>
      <c r="E2" s="5"/>
      <c r="F2" s="5"/>
      <c r="G2" s="5"/>
      <c r="H2" s="5"/>
      <c r="I2" s="5"/>
      <c r="J2" s="5"/>
      <c r="K2" s="5"/>
      <c r="L2" s="5"/>
    </row>
    <row r="3" spans="1:12" ht="11.15" customHeight="1" x14ac:dyDescent="0.2">
      <c r="A3" s="6"/>
      <c r="B3" s="7"/>
      <c r="C3" s="7"/>
      <c r="D3" s="7"/>
      <c r="E3" s="7"/>
      <c r="F3" s="7"/>
      <c r="G3" s="7"/>
      <c r="H3" s="7"/>
      <c r="I3" s="8" t="s">
        <v>1</v>
      </c>
      <c r="J3" s="5"/>
      <c r="K3" s="5"/>
      <c r="L3" s="5"/>
    </row>
    <row r="4" spans="1:12" ht="11.15" customHeight="1" x14ac:dyDescent="0.2">
      <c r="A4" s="9" t="s">
        <v>2</v>
      </c>
      <c r="B4" s="85" t="s">
        <v>3</v>
      </c>
      <c r="C4" s="86"/>
      <c r="D4" s="85" t="s">
        <v>4</v>
      </c>
      <c r="E4" s="86"/>
      <c r="F4" s="85" t="s">
        <v>5</v>
      </c>
      <c r="G4" s="86"/>
      <c r="H4" s="85" t="s">
        <v>6</v>
      </c>
      <c r="I4" s="86"/>
      <c r="J4" s="5"/>
      <c r="K4" s="5"/>
      <c r="L4" s="5"/>
    </row>
    <row r="5" spans="1:12" ht="7.9" customHeight="1" x14ac:dyDescent="0.2">
      <c r="A5" s="10"/>
      <c r="B5" s="87"/>
      <c r="C5" s="88"/>
      <c r="D5" s="87"/>
      <c r="E5" s="88"/>
      <c r="F5" s="87"/>
      <c r="G5" s="88"/>
      <c r="H5" s="87"/>
      <c r="I5" s="88"/>
      <c r="J5" s="5"/>
      <c r="K5" s="5"/>
      <c r="L5" s="5"/>
    </row>
    <row r="6" spans="1:12" ht="7.9" customHeight="1" x14ac:dyDescent="0.2">
      <c r="A6" s="10"/>
      <c r="B6" s="87"/>
      <c r="C6" s="88"/>
      <c r="D6" s="87"/>
      <c r="E6" s="88"/>
      <c r="F6" s="87"/>
      <c r="G6" s="88"/>
      <c r="H6" s="87"/>
      <c r="I6" s="88"/>
      <c r="J6" s="5"/>
      <c r="K6" s="5"/>
      <c r="L6" s="5"/>
    </row>
    <row r="7" spans="1:12" ht="11.15" customHeight="1" x14ac:dyDescent="0.2">
      <c r="A7" s="11" t="s">
        <v>7</v>
      </c>
      <c r="B7" s="12"/>
      <c r="C7" s="13" t="s">
        <v>8</v>
      </c>
      <c r="D7" s="14"/>
      <c r="E7" s="15" t="s">
        <v>8</v>
      </c>
      <c r="F7" s="12"/>
      <c r="G7" s="13" t="s">
        <v>8</v>
      </c>
      <c r="H7" s="12"/>
      <c r="I7" s="13" t="s">
        <v>8</v>
      </c>
      <c r="J7" s="5"/>
      <c r="K7" s="5"/>
      <c r="L7" s="5"/>
    </row>
    <row r="8" spans="1:12" ht="11.15" customHeight="1" x14ac:dyDescent="0.2">
      <c r="A8" s="16" t="s">
        <v>9</v>
      </c>
      <c r="B8" s="17">
        <v>661224</v>
      </c>
      <c r="C8" s="18">
        <v>644033</v>
      </c>
      <c r="D8" s="19">
        <v>1116006</v>
      </c>
      <c r="E8" s="20">
        <v>1106782</v>
      </c>
      <c r="F8" s="21">
        <v>83662</v>
      </c>
      <c r="G8" s="22">
        <v>34822</v>
      </c>
      <c r="H8" s="23">
        <v>1860892</v>
      </c>
      <c r="I8" s="24">
        <v>1785637</v>
      </c>
    </row>
    <row r="9" spans="1:12" ht="11.15" customHeight="1" x14ac:dyDescent="0.2">
      <c r="A9" s="25" t="s">
        <v>10</v>
      </c>
      <c r="B9" s="26">
        <v>206281</v>
      </c>
      <c r="C9" s="17">
        <v>202568</v>
      </c>
      <c r="D9" s="27">
        <v>392109</v>
      </c>
      <c r="E9" s="28">
        <v>390174</v>
      </c>
      <c r="F9" s="29">
        <v>33317</v>
      </c>
      <c r="G9" s="22">
        <v>13957</v>
      </c>
      <c r="H9" s="30">
        <v>631707</v>
      </c>
      <c r="I9" s="31">
        <v>606699</v>
      </c>
    </row>
    <row r="10" spans="1:12" ht="11.15" customHeight="1" x14ac:dyDescent="0.2">
      <c r="A10" s="46" t="s">
        <v>11</v>
      </c>
      <c r="B10" s="47">
        <v>175835</v>
      </c>
      <c r="C10" s="79">
        <v>166489</v>
      </c>
      <c r="D10" s="50">
        <v>216919</v>
      </c>
      <c r="E10" s="51">
        <v>215098</v>
      </c>
      <c r="F10" s="52">
        <v>16197</v>
      </c>
      <c r="G10" s="80">
        <v>6109</v>
      </c>
      <c r="H10" s="48">
        <v>408951</v>
      </c>
      <c r="I10" s="49">
        <v>387696</v>
      </c>
      <c r="L10" s="32"/>
    </row>
    <row r="11" spans="1:12" ht="11.15" customHeight="1" x14ac:dyDescent="0.2">
      <c r="A11" s="25" t="s">
        <v>12</v>
      </c>
      <c r="B11" s="26">
        <v>106477</v>
      </c>
      <c r="C11" s="17">
        <v>100995</v>
      </c>
      <c r="D11" s="27">
        <v>139527</v>
      </c>
      <c r="E11" s="28">
        <v>135967</v>
      </c>
      <c r="F11" s="29">
        <v>4426</v>
      </c>
      <c r="G11" s="22">
        <v>2548</v>
      </c>
      <c r="H11" s="30">
        <v>250430</v>
      </c>
      <c r="I11" s="31">
        <v>239510</v>
      </c>
      <c r="L11" s="32"/>
    </row>
    <row r="12" spans="1:12" ht="11.15" customHeight="1" x14ac:dyDescent="0.2">
      <c r="A12" s="25" t="s">
        <v>13</v>
      </c>
      <c r="B12" s="26">
        <v>66224</v>
      </c>
      <c r="C12" s="17">
        <v>62634</v>
      </c>
      <c r="D12" s="27">
        <v>77614</v>
      </c>
      <c r="E12" s="28">
        <v>76256</v>
      </c>
      <c r="F12" s="29">
        <v>7203</v>
      </c>
      <c r="G12" s="22">
        <v>2588</v>
      </c>
      <c r="H12" s="30">
        <v>151041</v>
      </c>
      <c r="I12" s="31">
        <v>141478</v>
      </c>
      <c r="L12" s="32"/>
    </row>
    <row r="13" spans="1:12" ht="11.15" customHeight="1" x14ac:dyDescent="0.2">
      <c r="A13" s="25" t="s">
        <v>14</v>
      </c>
      <c r="B13" s="26">
        <v>50085</v>
      </c>
      <c r="C13" s="17">
        <v>48346</v>
      </c>
      <c r="D13" s="27">
        <v>60528</v>
      </c>
      <c r="E13" s="28">
        <v>59557</v>
      </c>
      <c r="F13" s="29">
        <v>5614</v>
      </c>
      <c r="G13" s="22">
        <v>1796</v>
      </c>
      <c r="H13" s="30">
        <v>116227</v>
      </c>
      <c r="I13" s="31">
        <v>109699</v>
      </c>
      <c r="L13" s="32"/>
    </row>
    <row r="14" spans="1:12" ht="11.15" customHeight="1" x14ac:dyDescent="0.2">
      <c r="A14" s="25" t="s">
        <v>15</v>
      </c>
      <c r="B14" s="26">
        <v>91622</v>
      </c>
      <c r="C14" s="17">
        <v>88634</v>
      </c>
      <c r="D14" s="27">
        <v>121479</v>
      </c>
      <c r="E14" s="28">
        <v>120364</v>
      </c>
      <c r="F14" s="29">
        <v>10002</v>
      </c>
      <c r="G14" s="22">
        <v>4623</v>
      </c>
      <c r="H14" s="30">
        <v>223103</v>
      </c>
      <c r="I14" s="31">
        <v>213621</v>
      </c>
      <c r="L14" s="32"/>
    </row>
    <row r="15" spans="1:12" ht="11.15" customHeight="1" x14ac:dyDescent="0.2">
      <c r="A15" s="25" t="s">
        <v>16</v>
      </c>
      <c r="B15" s="26">
        <v>54325</v>
      </c>
      <c r="C15" s="17">
        <v>50558</v>
      </c>
      <c r="D15" s="27">
        <v>60146</v>
      </c>
      <c r="E15" s="28">
        <v>57288</v>
      </c>
      <c r="F15" s="29">
        <v>4966</v>
      </c>
      <c r="G15" s="22">
        <v>2220</v>
      </c>
      <c r="H15" s="30">
        <v>119437</v>
      </c>
      <c r="I15" s="31">
        <v>110066</v>
      </c>
      <c r="L15" s="32"/>
    </row>
    <row r="16" spans="1:12" ht="11.15" customHeight="1" x14ac:dyDescent="0.2">
      <c r="A16" s="33" t="s">
        <v>17</v>
      </c>
      <c r="B16" s="34">
        <v>61581</v>
      </c>
      <c r="C16" s="35">
        <v>59869</v>
      </c>
      <c r="D16" s="36">
        <v>73184</v>
      </c>
      <c r="E16" s="28">
        <v>72530</v>
      </c>
      <c r="F16" s="37">
        <v>5289</v>
      </c>
      <c r="G16" s="38">
        <v>2009</v>
      </c>
      <c r="H16" s="39">
        <v>140054</v>
      </c>
      <c r="I16" s="40">
        <v>134408</v>
      </c>
      <c r="L16" s="32"/>
    </row>
    <row r="17" spans="1:12" ht="11.15" customHeight="1" x14ac:dyDescent="0.2">
      <c r="A17" s="41" t="s">
        <v>18</v>
      </c>
      <c r="B17" s="26">
        <v>17576</v>
      </c>
      <c r="C17" s="17">
        <v>16646</v>
      </c>
      <c r="D17" s="27">
        <v>22728</v>
      </c>
      <c r="E17" s="42">
        <v>22368</v>
      </c>
      <c r="F17" s="29">
        <v>1000</v>
      </c>
      <c r="G17" s="22">
        <v>416</v>
      </c>
      <c r="H17" s="43">
        <v>41304</v>
      </c>
      <c r="I17" s="44">
        <v>39430</v>
      </c>
      <c r="L17" s="32"/>
    </row>
    <row r="18" spans="1:12" ht="11.15" customHeight="1" x14ac:dyDescent="0.2">
      <c r="A18" s="25" t="s">
        <v>19</v>
      </c>
      <c r="B18" s="26">
        <v>15374</v>
      </c>
      <c r="C18" s="17">
        <v>13473</v>
      </c>
      <c r="D18" s="27">
        <v>17731</v>
      </c>
      <c r="E18" s="28">
        <v>16693</v>
      </c>
      <c r="F18" s="29">
        <v>1766</v>
      </c>
      <c r="G18" s="22">
        <v>577</v>
      </c>
      <c r="H18" s="30">
        <v>34871</v>
      </c>
      <c r="I18" s="31">
        <v>30743</v>
      </c>
      <c r="L18" s="32"/>
    </row>
    <row r="19" spans="1:12" ht="11.15" customHeight="1" x14ac:dyDescent="0.2">
      <c r="A19" s="25" t="s">
        <v>20</v>
      </c>
      <c r="B19" s="26">
        <v>47526</v>
      </c>
      <c r="C19" s="17">
        <v>44580</v>
      </c>
      <c r="D19" s="27">
        <v>50408</v>
      </c>
      <c r="E19" s="28">
        <v>49284</v>
      </c>
      <c r="F19" s="29">
        <v>3398</v>
      </c>
      <c r="G19" s="22">
        <v>1464</v>
      </c>
      <c r="H19" s="30">
        <v>101332</v>
      </c>
      <c r="I19" s="31">
        <v>95328</v>
      </c>
      <c r="L19" s="32"/>
    </row>
    <row r="20" spans="1:12" ht="11.15" customHeight="1" x14ac:dyDescent="0.2">
      <c r="A20" s="25" t="s">
        <v>21</v>
      </c>
      <c r="B20" s="26">
        <v>56730</v>
      </c>
      <c r="C20" s="17">
        <v>53163</v>
      </c>
      <c r="D20" s="27">
        <v>66399</v>
      </c>
      <c r="E20" s="28">
        <v>65032</v>
      </c>
      <c r="F20" s="29">
        <v>7006</v>
      </c>
      <c r="G20" s="22">
        <v>3211</v>
      </c>
      <c r="H20" s="30">
        <v>130135</v>
      </c>
      <c r="I20" s="31">
        <v>121406</v>
      </c>
      <c r="L20" s="32"/>
    </row>
    <row r="21" spans="1:12" ht="11.15" customHeight="1" x14ac:dyDescent="0.2">
      <c r="A21" s="33" t="s">
        <v>22</v>
      </c>
      <c r="B21" s="34">
        <v>46681</v>
      </c>
      <c r="C21" s="35">
        <v>46120</v>
      </c>
      <c r="D21" s="27">
        <v>64996</v>
      </c>
      <c r="E21" s="28">
        <v>64617</v>
      </c>
      <c r="F21" s="37">
        <v>3480</v>
      </c>
      <c r="G21" s="38">
        <v>1920</v>
      </c>
      <c r="H21" s="39">
        <v>115157</v>
      </c>
      <c r="I21" s="40">
        <v>112657</v>
      </c>
      <c r="L21" s="32"/>
    </row>
    <row r="22" spans="1:12" ht="11.15" customHeight="1" x14ac:dyDescent="0.2">
      <c r="A22" s="41" t="s">
        <v>23</v>
      </c>
      <c r="B22" s="26">
        <v>27680</v>
      </c>
      <c r="C22" s="17">
        <v>25254</v>
      </c>
      <c r="D22" s="45">
        <v>28920</v>
      </c>
      <c r="E22" s="42">
        <v>28219</v>
      </c>
      <c r="F22" s="29">
        <v>2911</v>
      </c>
      <c r="G22" s="22">
        <v>1095</v>
      </c>
      <c r="H22" s="43">
        <v>59511</v>
      </c>
      <c r="I22" s="44">
        <v>54568</v>
      </c>
      <c r="L22" s="32"/>
    </row>
    <row r="23" spans="1:12" ht="11.15" customHeight="1" x14ac:dyDescent="0.2">
      <c r="A23" s="25" t="s">
        <v>24</v>
      </c>
      <c r="B23" s="26">
        <v>29816</v>
      </c>
      <c r="C23" s="17">
        <v>28953</v>
      </c>
      <c r="D23" s="27">
        <v>40338</v>
      </c>
      <c r="E23" s="28">
        <v>40052</v>
      </c>
      <c r="F23" s="29">
        <v>3629</v>
      </c>
      <c r="G23" s="22">
        <v>1634</v>
      </c>
      <c r="H23" s="30">
        <v>73783</v>
      </c>
      <c r="I23" s="31">
        <v>70639</v>
      </c>
      <c r="L23" s="32"/>
    </row>
    <row r="24" spans="1:12" ht="11.15" customHeight="1" x14ac:dyDescent="0.2">
      <c r="A24" s="25" t="s">
        <v>25</v>
      </c>
      <c r="B24" s="26">
        <v>29648</v>
      </c>
      <c r="C24" s="17">
        <v>29108</v>
      </c>
      <c r="D24" s="27">
        <v>41155</v>
      </c>
      <c r="E24" s="28">
        <v>40833</v>
      </c>
      <c r="F24" s="29">
        <v>2296</v>
      </c>
      <c r="G24" s="22">
        <v>1106</v>
      </c>
      <c r="H24" s="30">
        <v>73099</v>
      </c>
      <c r="I24" s="31">
        <v>71047</v>
      </c>
      <c r="L24" s="32"/>
    </row>
    <row r="25" spans="1:12" ht="11.15" customHeight="1" x14ac:dyDescent="0.2">
      <c r="A25" s="25" t="s">
        <v>26</v>
      </c>
      <c r="B25" s="26">
        <v>14019</v>
      </c>
      <c r="C25" s="17">
        <v>12456</v>
      </c>
      <c r="D25" s="27">
        <v>14200</v>
      </c>
      <c r="E25" s="28">
        <v>13805</v>
      </c>
      <c r="F25" s="29">
        <v>1041</v>
      </c>
      <c r="G25" s="22">
        <v>429</v>
      </c>
      <c r="H25" s="30">
        <v>29260</v>
      </c>
      <c r="I25" s="31">
        <v>26690</v>
      </c>
      <c r="L25" s="32"/>
    </row>
    <row r="26" spans="1:12" ht="11.15" customHeight="1" x14ac:dyDescent="0.2">
      <c r="A26" s="46" t="s">
        <v>27</v>
      </c>
      <c r="B26" s="47">
        <v>24971</v>
      </c>
      <c r="C26" s="79">
        <v>24056</v>
      </c>
      <c r="D26" s="50">
        <v>25746</v>
      </c>
      <c r="E26" s="51">
        <v>25592</v>
      </c>
      <c r="F26" s="52">
        <v>2199</v>
      </c>
      <c r="G26" s="80">
        <v>1171</v>
      </c>
      <c r="H26" s="48">
        <v>52916</v>
      </c>
      <c r="I26" s="49">
        <v>50819</v>
      </c>
      <c r="L26" s="32"/>
    </row>
    <row r="27" spans="1:12" ht="11.15" customHeight="1" x14ac:dyDescent="0.2">
      <c r="A27" s="25" t="s">
        <v>28</v>
      </c>
      <c r="B27" s="26">
        <v>13827</v>
      </c>
      <c r="C27" s="17">
        <v>12945</v>
      </c>
      <c r="D27" s="27">
        <v>13034</v>
      </c>
      <c r="E27" s="28">
        <v>12794</v>
      </c>
      <c r="F27" s="81">
        <v>546</v>
      </c>
      <c r="G27" s="22">
        <v>266</v>
      </c>
      <c r="H27" s="30">
        <v>27407</v>
      </c>
      <c r="I27" s="31">
        <v>26005</v>
      </c>
      <c r="L27" s="32"/>
    </row>
    <row r="28" spans="1:12" ht="11.15" customHeight="1" x14ac:dyDescent="0.2">
      <c r="A28" s="25" t="s">
        <v>29</v>
      </c>
      <c r="B28" s="26">
        <v>13321</v>
      </c>
      <c r="C28" s="17">
        <v>12838</v>
      </c>
      <c r="D28" s="27">
        <v>13908</v>
      </c>
      <c r="E28" s="28">
        <v>13761</v>
      </c>
      <c r="F28" s="29">
        <v>1293</v>
      </c>
      <c r="G28" s="22">
        <v>584</v>
      </c>
      <c r="H28" s="30">
        <v>28522</v>
      </c>
      <c r="I28" s="31">
        <v>27183</v>
      </c>
      <c r="L28" s="32"/>
    </row>
    <row r="29" spans="1:12" ht="11.15" customHeight="1" x14ac:dyDescent="0.2">
      <c r="A29" s="25" t="s">
        <v>30</v>
      </c>
      <c r="B29" s="26">
        <v>12272</v>
      </c>
      <c r="C29" s="17">
        <v>11162</v>
      </c>
      <c r="D29" s="27">
        <v>12059</v>
      </c>
      <c r="E29" s="28">
        <v>11762</v>
      </c>
      <c r="F29" s="29">
        <v>680</v>
      </c>
      <c r="G29" s="22">
        <v>234</v>
      </c>
      <c r="H29" s="30">
        <v>25011</v>
      </c>
      <c r="I29" s="31">
        <v>23158</v>
      </c>
      <c r="L29" s="32"/>
    </row>
    <row r="30" spans="1:12" ht="11.15" customHeight="1" x14ac:dyDescent="0.2">
      <c r="A30" s="25" t="s">
        <v>31</v>
      </c>
      <c r="B30" s="26">
        <v>9974</v>
      </c>
      <c r="C30" s="17">
        <v>9386</v>
      </c>
      <c r="D30" s="27">
        <v>9659</v>
      </c>
      <c r="E30" s="28">
        <v>9461</v>
      </c>
      <c r="F30" s="29">
        <v>588</v>
      </c>
      <c r="G30" s="22">
        <v>225</v>
      </c>
      <c r="H30" s="30">
        <v>20221</v>
      </c>
      <c r="I30" s="31">
        <v>19072</v>
      </c>
      <c r="L30" s="32"/>
    </row>
    <row r="31" spans="1:12" ht="11.15" customHeight="1" x14ac:dyDescent="0.2">
      <c r="A31" s="25" t="s">
        <v>32</v>
      </c>
      <c r="B31" s="34">
        <v>4508</v>
      </c>
      <c r="C31" s="35">
        <v>3468</v>
      </c>
      <c r="D31" s="27">
        <v>3496</v>
      </c>
      <c r="E31" s="28">
        <v>3293</v>
      </c>
      <c r="F31" s="37">
        <v>519</v>
      </c>
      <c r="G31" s="38">
        <v>280</v>
      </c>
      <c r="H31" s="30">
        <v>8523</v>
      </c>
      <c r="I31" s="31">
        <v>7041</v>
      </c>
      <c r="L31" s="32"/>
    </row>
    <row r="32" spans="1:12" ht="11.15" customHeight="1" x14ac:dyDescent="0.2">
      <c r="A32" s="41" t="s">
        <v>33</v>
      </c>
      <c r="B32" s="26">
        <v>6006</v>
      </c>
      <c r="C32" s="17">
        <v>5271</v>
      </c>
      <c r="D32" s="45">
        <v>5565</v>
      </c>
      <c r="E32" s="42">
        <v>5443</v>
      </c>
      <c r="F32" s="29">
        <v>499</v>
      </c>
      <c r="G32" s="22">
        <v>244</v>
      </c>
      <c r="H32" s="43">
        <v>12070</v>
      </c>
      <c r="I32" s="44">
        <v>10958</v>
      </c>
      <c r="L32" s="32"/>
    </row>
    <row r="33" spans="1:12" ht="11.15" customHeight="1" x14ac:dyDescent="0.2">
      <c r="A33" s="25" t="s">
        <v>34</v>
      </c>
      <c r="B33" s="26">
        <v>4621</v>
      </c>
      <c r="C33" s="17">
        <v>3813</v>
      </c>
      <c r="D33" s="27">
        <v>4093</v>
      </c>
      <c r="E33" s="28">
        <v>3857</v>
      </c>
      <c r="F33" s="29">
        <v>450</v>
      </c>
      <c r="G33" s="22">
        <v>166</v>
      </c>
      <c r="H33" s="30">
        <v>9164</v>
      </c>
      <c r="I33" s="31">
        <v>7836</v>
      </c>
      <c r="L33" s="32"/>
    </row>
    <row r="34" spans="1:12" ht="11.15" customHeight="1" x14ac:dyDescent="0.2">
      <c r="A34" s="25" t="s">
        <v>35</v>
      </c>
      <c r="B34" s="26">
        <v>4710</v>
      </c>
      <c r="C34" s="17">
        <v>3727</v>
      </c>
      <c r="D34" s="27">
        <v>4145</v>
      </c>
      <c r="E34" s="28">
        <v>3893</v>
      </c>
      <c r="F34" s="29">
        <v>413</v>
      </c>
      <c r="G34" s="22">
        <v>212</v>
      </c>
      <c r="H34" s="30">
        <v>9268</v>
      </c>
      <c r="I34" s="31">
        <v>7832</v>
      </c>
      <c r="L34" s="32"/>
    </row>
    <row r="35" spans="1:12" ht="11.15" customHeight="1" x14ac:dyDescent="0.2">
      <c r="A35" s="25" t="s">
        <v>36</v>
      </c>
      <c r="B35" s="26">
        <v>5135</v>
      </c>
      <c r="C35" s="17">
        <v>4720</v>
      </c>
      <c r="D35" s="27">
        <v>5618</v>
      </c>
      <c r="E35" s="28">
        <v>5547</v>
      </c>
      <c r="F35" s="29">
        <v>476</v>
      </c>
      <c r="G35" s="22">
        <v>220</v>
      </c>
      <c r="H35" s="30">
        <v>11229</v>
      </c>
      <c r="I35" s="31">
        <v>10487</v>
      </c>
      <c r="L35" s="32"/>
    </row>
    <row r="36" spans="1:12" ht="11.15" customHeight="1" x14ac:dyDescent="0.2">
      <c r="A36" s="33" t="s">
        <v>37</v>
      </c>
      <c r="B36" s="34">
        <v>7559</v>
      </c>
      <c r="C36" s="35">
        <v>6167</v>
      </c>
      <c r="D36" s="27">
        <v>10482</v>
      </c>
      <c r="E36" s="28">
        <v>10209</v>
      </c>
      <c r="F36" s="37">
        <v>1212</v>
      </c>
      <c r="G36" s="38">
        <v>615</v>
      </c>
      <c r="H36" s="39">
        <v>19253</v>
      </c>
      <c r="I36" s="40">
        <v>16991</v>
      </c>
      <c r="L36" s="32"/>
    </row>
    <row r="37" spans="1:12" ht="11.15" customHeight="1" x14ac:dyDescent="0.2">
      <c r="A37" s="25" t="s">
        <v>38</v>
      </c>
      <c r="B37" s="26">
        <v>3837</v>
      </c>
      <c r="C37" s="17">
        <v>3324</v>
      </c>
      <c r="D37" s="45">
        <v>3816</v>
      </c>
      <c r="E37" s="42">
        <v>3609</v>
      </c>
      <c r="F37" s="29">
        <v>281</v>
      </c>
      <c r="G37" s="22">
        <v>112</v>
      </c>
      <c r="H37" s="30">
        <v>7934</v>
      </c>
      <c r="I37" s="31">
        <v>7045</v>
      </c>
      <c r="L37" s="32"/>
    </row>
    <row r="38" spans="1:12" ht="11.15" customHeight="1" x14ac:dyDescent="0.2">
      <c r="A38" s="25" t="s">
        <v>39</v>
      </c>
      <c r="B38" s="26">
        <v>9884</v>
      </c>
      <c r="C38" s="17">
        <v>8797</v>
      </c>
      <c r="D38" s="27">
        <v>11167</v>
      </c>
      <c r="E38" s="28">
        <v>10853</v>
      </c>
      <c r="F38" s="29">
        <v>634</v>
      </c>
      <c r="G38" s="22">
        <v>276</v>
      </c>
      <c r="H38" s="30">
        <v>21685</v>
      </c>
      <c r="I38" s="31">
        <v>19926</v>
      </c>
      <c r="L38" s="32"/>
    </row>
    <row r="39" spans="1:12" ht="11.15" customHeight="1" x14ac:dyDescent="0.2">
      <c r="A39" s="25" t="s">
        <v>40</v>
      </c>
      <c r="B39" s="26">
        <v>14818</v>
      </c>
      <c r="C39" s="17">
        <v>13514</v>
      </c>
      <c r="D39" s="27">
        <v>13474</v>
      </c>
      <c r="E39" s="28">
        <v>13142</v>
      </c>
      <c r="F39" s="29">
        <v>1484</v>
      </c>
      <c r="G39" s="22">
        <v>643</v>
      </c>
      <c r="H39" s="30">
        <v>29776</v>
      </c>
      <c r="I39" s="31">
        <v>27299</v>
      </c>
      <c r="L39" s="32"/>
    </row>
    <row r="40" spans="1:12" ht="11.15" customHeight="1" x14ac:dyDescent="0.2">
      <c r="A40" s="46" t="s">
        <v>41</v>
      </c>
      <c r="B40" s="47">
        <v>1564</v>
      </c>
      <c r="C40" s="79">
        <v>1247</v>
      </c>
      <c r="D40" s="50">
        <v>1175</v>
      </c>
      <c r="E40" s="51">
        <v>1140</v>
      </c>
      <c r="F40" s="52">
        <v>138</v>
      </c>
      <c r="G40" s="80">
        <v>57</v>
      </c>
      <c r="H40" s="48">
        <v>2877</v>
      </c>
      <c r="I40" s="49">
        <v>2444</v>
      </c>
      <c r="L40" s="32"/>
    </row>
    <row r="41" spans="1:12" ht="22.15" customHeight="1" x14ac:dyDescent="0.2">
      <c r="A41" s="46" t="s">
        <v>42</v>
      </c>
      <c r="B41" s="48">
        <v>1895711</v>
      </c>
      <c r="C41" s="49">
        <v>1818314</v>
      </c>
      <c r="D41" s="48">
        <v>2741824</v>
      </c>
      <c r="E41" s="49">
        <v>2709275</v>
      </c>
      <c r="F41" s="48">
        <v>208615</v>
      </c>
      <c r="G41" s="49">
        <v>87829</v>
      </c>
      <c r="H41" s="48">
        <v>4846150</v>
      </c>
      <c r="I41" s="49">
        <v>4615418</v>
      </c>
      <c r="L41" s="32"/>
    </row>
    <row r="42" spans="1:12" ht="11.15" customHeight="1" x14ac:dyDescent="0.2">
      <c r="A42" s="6" t="s">
        <v>47</v>
      </c>
      <c r="B42" s="6"/>
      <c r="C42" s="6"/>
      <c r="D42" s="6"/>
      <c r="E42" s="6"/>
      <c r="F42" s="6"/>
      <c r="G42" s="6"/>
      <c r="H42" s="6"/>
      <c r="I42" s="6"/>
    </row>
    <row r="43" spans="1:12" ht="11.15" customHeight="1" x14ac:dyDescent="0.2">
      <c r="A43" s="6" t="s">
        <v>50</v>
      </c>
      <c r="B43" s="6"/>
      <c r="C43" s="6"/>
      <c r="D43" s="6"/>
      <c r="E43" s="6"/>
      <c r="F43" s="6"/>
      <c r="G43" s="6"/>
      <c r="H43" s="6"/>
      <c r="I43" s="6"/>
    </row>
  </sheetData>
  <mergeCells count="4">
    <mergeCell ref="B4:C6"/>
    <mergeCell ref="D4:E6"/>
    <mergeCell ref="F4:G6"/>
    <mergeCell ref="H4:I6"/>
  </mergeCells>
  <phoneticPr fontId="3"/>
  <printOptions verticalCentered="1"/>
  <pageMargins left="0.98425196850393704" right="0.98425196850393704" top="0.59055118110236227" bottom="0.59055118110236227" header="0.51181102362204722" footer="0.31496062992125984"/>
  <pageSetup paperSize="9" firstPageNumber="255" orientation="landscape" blackAndWhite="1" useFirstPageNumber="1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43"/>
  <sheetViews>
    <sheetView tabSelected="1" zoomScaleNormal="100" workbookViewId="0">
      <pane xSplit="1" ySplit="7" topLeftCell="B8" activePane="bottomRight" state="frozen"/>
      <selection pane="topRight"/>
      <selection pane="bottomLeft"/>
      <selection pane="bottomRight"/>
    </sheetView>
  </sheetViews>
  <sheetFormatPr defaultColWidth="12.6328125" defaultRowHeight="11.15" customHeight="1" x14ac:dyDescent="0.2"/>
  <cols>
    <col min="1" max="1" width="12.6328125" style="2" customWidth="1"/>
    <col min="2" max="2" width="18.6328125" style="2" customWidth="1"/>
    <col min="3" max="3" width="10.6328125" style="2" customWidth="1"/>
    <col min="4" max="4" width="18.6328125" style="2" customWidth="1"/>
    <col min="5" max="5" width="10.6328125" style="2" customWidth="1"/>
    <col min="6" max="6" width="18.6328125" style="2" customWidth="1"/>
    <col min="7" max="7" width="10.6328125" style="2" customWidth="1"/>
    <col min="8" max="8" width="18.6328125" style="2" customWidth="1"/>
    <col min="9" max="9" width="10.6328125" style="2" customWidth="1"/>
    <col min="10" max="16384" width="12.6328125" style="2"/>
  </cols>
  <sheetData>
    <row r="1" spans="1:9" ht="15" customHeight="1" x14ac:dyDescent="0.2"/>
    <row r="2" spans="1:9" ht="13.5" customHeight="1" x14ac:dyDescent="0.2">
      <c r="A2" s="4" t="s">
        <v>49</v>
      </c>
      <c r="B2" s="5"/>
      <c r="C2" s="5"/>
      <c r="D2" s="5"/>
      <c r="E2" s="5"/>
      <c r="F2" s="5"/>
      <c r="G2" s="5"/>
      <c r="H2" s="5"/>
      <c r="I2" s="5"/>
    </row>
    <row r="3" spans="1:9" ht="11.15" customHeight="1" x14ac:dyDescent="0.2">
      <c r="A3" s="6"/>
      <c r="B3" s="7"/>
      <c r="C3" s="7"/>
      <c r="D3" s="7"/>
      <c r="E3" s="7"/>
      <c r="F3" s="7"/>
      <c r="G3" s="7"/>
      <c r="H3" s="7"/>
      <c r="I3" s="8" t="s">
        <v>43</v>
      </c>
    </row>
    <row r="4" spans="1:9" ht="11.15" customHeight="1" x14ac:dyDescent="0.2">
      <c r="A4" s="9" t="s">
        <v>2</v>
      </c>
      <c r="B4" s="85" t="s">
        <v>3</v>
      </c>
      <c r="C4" s="86"/>
      <c r="D4" s="85" t="s">
        <v>4</v>
      </c>
      <c r="E4" s="86"/>
      <c r="F4" s="85" t="s">
        <v>5</v>
      </c>
      <c r="G4" s="86"/>
      <c r="H4" s="85" t="s">
        <v>6</v>
      </c>
      <c r="I4" s="86"/>
    </row>
    <row r="5" spans="1:9" ht="7.9" customHeight="1" x14ac:dyDescent="0.2">
      <c r="A5" s="10"/>
      <c r="B5" s="91"/>
      <c r="C5" s="92"/>
      <c r="D5" s="91"/>
      <c r="E5" s="92"/>
      <c r="F5" s="91"/>
      <c r="G5" s="92"/>
      <c r="H5" s="91"/>
      <c r="I5" s="92"/>
    </row>
    <row r="6" spans="1:9" ht="7.9" customHeight="1" x14ac:dyDescent="0.2">
      <c r="A6" s="10"/>
      <c r="B6" s="89" t="s">
        <v>44</v>
      </c>
      <c r="C6" s="85" t="s">
        <v>45</v>
      </c>
      <c r="D6" s="89" t="s">
        <v>44</v>
      </c>
      <c r="E6" s="86" t="s">
        <v>45</v>
      </c>
      <c r="F6" s="89" t="s">
        <v>44</v>
      </c>
      <c r="G6" s="89" t="s">
        <v>45</v>
      </c>
      <c r="H6" s="89" t="s">
        <v>44</v>
      </c>
      <c r="I6" s="89" t="s">
        <v>45</v>
      </c>
    </row>
    <row r="7" spans="1:9" ht="11.15" customHeight="1" x14ac:dyDescent="0.2">
      <c r="A7" s="11" t="s">
        <v>7</v>
      </c>
      <c r="B7" s="90"/>
      <c r="C7" s="91"/>
      <c r="D7" s="90"/>
      <c r="E7" s="92"/>
      <c r="F7" s="90"/>
      <c r="G7" s="90"/>
      <c r="H7" s="90"/>
      <c r="I7" s="90"/>
    </row>
    <row r="8" spans="1:9" ht="11.15" customHeight="1" x14ac:dyDescent="0.2">
      <c r="A8" s="16" t="s">
        <v>9</v>
      </c>
      <c r="B8" s="53">
        <v>8210758846</v>
      </c>
      <c r="C8" s="54">
        <v>41</v>
      </c>
      <c r="D8" s="55">
        <v>9134979435</v>
      </c>
      <c r="E8" s="56">
        <v>45.7</v>
      </c>
      <c r="F8" s="57">
        <v>2662777815</v>
      </c>
      <c r="G8" s="58">
        <v>13.3</v>
      </c>
      <c r="H8" s="57">
        <v>20008516096</v>
      </c>
      <c r="I8" s="58">
        <v>100</v>
      </c>
    </row>
    <row r="9" spans="1:9" ht="11.15" customHeight="1" x14ac:dyDescent="0.2">
      <c r="A9" s="25" t="s">
        <v>10</v>
      </c>
      <c r="B9" s="17">
        <v>3659220819</v>
      </c>
      <c r="C9" s="54">
        <v>40.1</v>
      </c>
      <c r="D9" s="59">
        <v>3887659863</v>
      </c>
      <c r="E9" s="56">
        <v>42.6</v>
      </c>
      <c r="F9" s="57">
        <v>1579308073</v>
      </c>
      <c r="G9" s="58">
        <v>17.3</v>
      </c>
      <c r="H9" s="57">
        <v>9126188755</v>
      </c>
      <c r="I9" s="58">
        <v>100</v>
      </c>
    </row>
    <row r="10" spans="1:9" ht="11.15" customHeight="1" x14ac:dyDescent="0.2">
      <c r="A10" s="46" t="s">
        <v>11</v>
      </c>
      <c r="B10" s="79">
        <v>1387877518</v>
      </c>
      <c r="C10" s="72">
        <v>42.6</v>
      </c>
      <c r="D10" s="82">
        <v>1414982738</v>
      </c>
      <c r="E10" s="73">
        <v>43.4</v>
      </c>
      <c r="F10" s="74">
        <v>457215297</v>
      </c>
      <c r="G10" s="75">
        <v>14</v>
      </c>
      <c r="H10" s="74">
        <v>3260075553</v>
      </c>
      <c r="I10" s="75">
        <v>100</v>
      </c>
    </row>
    <row r="11" spans="1:9" ht="11.15" customHeight="1" x14ac:dyDescent="0.2">
      <c r="A11" s="25" t="s">
        <v>12</v>
      </c>
      <c r="B11" s="17">
        <v>623469652</v>
      </c>
      <c r="C11" s="54">
        <v>37.5</v>
      </c>
      <c r="D11" s="59">
        <v>750680910</v>
      </c>
      <c r="E11" s="56">
        <v>45.1</v>
      </c>
      <c r="F11" s="57">
        <v>289111740</v>
      </c>
      <c r="G11" s="58">
        <v>17.399999999999999</v>
      </c>
      <c r="H11" s="57">
        <v>1663262302</v>
      </c>
      <c r="I11" s="58">
        <v>100</v>
      </c>
    </row>
    <row r="12" spans="1:9" ht="11.15" customHeight="1" x14ac:dyDescent="0.2">
      <c r="A12" s="25" t="s">
        <v>13</v>
      </c>
      <c r="B12" s="17">
        <v>628248976</v>
      </c>
      <c r="C12" s="54">
        <v>44.7</v>
      </c>
      <c r="D12" s="59">
        <v>554396735</v>
      </c>
      <c r="E12" s="56">
        <v>39.4</v>
      </c>
      <c r="F12" s="57">
        <v>223382645</v>
      </c>
      <c r="G12" s="58">
        <v>15.9</v>
      </c>
      <c r="H12" s="57">
        <v>1406028356</v>
      </c>
      <c r="I12" s="58">
        <v>100</v>
      </c>
    </row>
    <row r="13" spans="1:9" ht="11.15" customHeight="1" x14ac:dyDescent="0.2">
      <c r="A13" s="25" t="s">
        <v>14</v>
      </c>
      <c r="B13" s="17">
        <v>523651632</v>
      </c>
      <c r="C13" s="54">
        <v>52.7</v>
      </c>
      <c r="D13" s="59">
        <v>367215098</v>
      </c>
      <c r="E13" s="56">
        <v>36.9</v>
      </c>
      <c r="F13" s="57">
        <v>103181907</v>
      </c>
      <c r="G13" s="58">
        <v>10.4</v>
      </c>
      <c r="H13" s="57">
        <v>994048637</v>
      </c>
      <c r="I13" s="58">
        <v>100</v>
      </c>
    </row>
    <row r="14" spans="1:9" ht="11.15" customHeight="1" x14ac:dyDescent="0.2">
      <c r="A14" s="25" t="s">
        <v>15</v>
      </c>
      <c r="B14" s="17">
        <v>1061113222</v>
      </c>
      <c r="C14" s="54">
        <v>45.2</v>
      </c>
      <c r="D14" s="59">
        <v>964243105</v>
      </c>
      <c r="E14" s="56">
        <v>41.1</v>
      </c>
      <c r="F14" s="57">
        <v>322370084</v>
      </c>
      <c r="G14" s="58">
        <v>13.7</v>
      </c>
      <c r="H14" s="57">
        <v>2347726411</v>
      </c>
      <c r="I14" s="58">
        <v>100</v>
      </c>
    </row>
    <row r="15" spans="1:9" ht="11.15" customHeight="1" x14ac:dyDescent="0.2">
      <c r="A15" s="25" t="s">
        <v>16</v>
      </c>
      <c r="B15" s="17">
        <v>458006872</v>
      </c>
      <c r="C15" s="54">
        <v>41.2</v>
      </c>
      <c r="D15" s="59">
        <v>441235073</v>
      </c>
      <c r="E15" s="56">
        <v>39.700000000000003</v>
      </c>
      <c r="F15" s="57">
        <v>211599584</v>
      </c>
      <c r="G15" s="58">
        <v>19.100000000000001</v>
      </c>
      <c r="H15" s="57">
        <v>1110841529</v>
      </c>
      <c r="I15" s="58">
        <v>100</v>
      </c>
    </row>
    <row r="16" spans="1:9" ht="11.15" customHeight="1" x14ac:dyDescent="0.2">
      <c r="A16" s="33" t="s">
        <v>17</v>
      </c>
      <c r="B16" s="60">
        <v>494100125</v>
      </c>
      <c r="C16" s="61">
        <v>48.9</v>
      </c>
      <c r="D16" s="59">
        <v>418266819</v>
      </c>
      <c r="E16" s="62">
        <v>41.4</v>
      </c>
      <c r="F16" s="63">
        <v>98045753</v>
      </c>
      <c r="G16" s="64">
        <v>9.6999999999999993</v>
      </c>
      <c r="H16" s="63">
        <v>1010412697</v>
      </c>
      <c r="I16" s="64">
        <v>100</v>
      </c>
    </row>
    <row r="17" spans="1:9" ht="11.15" customHeight="1" x14ac:dyDescent="0.2">
      <c r="A17" s="41" t="s">
        <v>18</v>
      </c>
      <c r="B17" s="17">
        <v>118280228</v>
      </c>
      <c r="C17" s="65">
        <v>48.5</v>
      </c>
      <c r="D17" s="66">
        <v>105972270</v>
      </c>
      <c r="E17" s="67">
        <v>43.4</v>
      </c>
      <c r="F17" s="68">
        <v>19733960</v>
      </c>
      <c r="G17" s="69">
        <v>8.1</v>
      </c>
      <c r="H17" s="68">
        <v>243986458</v>
      </c>
      <c r="I17" s="69">
        <v>100</v>
      </c>
    </row>
    <row r="18" spans="1:9" ht="11.15" customHeight="1" x14ac:dyDescent="0.2">
      <c r="A18" s="25" t="s">
        <v>19</v>
      </c>
      <c r="B18" s="17">
        <v>69047209</v>
      </c>
      <c r="C18" s="54">
        <v>42.3</v>
      </c>
      <c r="D18" s="59">
        <v>76120694</v>
      </c>
      <c r="E18" s="56">
        <v>46.6</v>
      </c>
      <c r="F18" s="57">
        <v>18147809</v>
      </c>
      <c r="G18" s="58">
        <v>11.1</v>
      </c>
      <c r="H18" s="57">
        <v>163315712</v>
      </c>
      <c r="I18" s="58">
        <v>100</v>
      </c>
    </row>
    <row r="19" spans="1:9" ht="11.15" customHeight="1" x14ac:dyDescent="0.2">
      <c r="A19" s="25" t="s">
        <v>20</v>
      </c>
      <c r="B19" s="17">
        <v>283146740</v>
      </c>
      <c r="C19" s="54">
        <v>40.299999999999997</v>
      </c>
      <c r="D19" s="59">
        <v>301372730</v>
      </c>
      <c r="E19" s="56">
        <v>42.8</v>
      </c>
      <c r="F19" s="57">
        <v>118542746</v>
      </c>
      <c r="G19" s="58">
        <v>16.899999999999999</v>
      </c>
      <c r="H19" s="57">
        <v>703062216</v>
      </c>
      <c r="I19" s="58">
        <v>100</v>
      </c>
    </row>
    <row r="20" spans="1:9" ht="11.15" customHeight="1" x14ac:dyDescent="0.2">
      <c r="A20" s="25" t="s">
        <v>21</v>
      </c>
      <c r="B20" s="17">
        <v>570062975</v>
      </c>
      <c r="C20" s="54">
        <v>38.9</v>
      </c>
      <c r="D20" s="59">
        <v>642104760</v>
      </c>
      <c r="E20" s="56">
        <v>43.9</v>
      </c>
      <c r="F20" s="57">
        <v>252056606</v>
      </c>
      <c r="G20" s="58">
        <v>17.2</v>
      </c>
      <c r="H20" s="57">
        <v>1464224341</v>
      </c>
      <c r="I20" s="58">
        <v>100</v>
      </c>
    </row>
    <row r="21" spans="1:9" ht="11.15" customHeight="1" x14ac:dyDescent="0.2">
      <c r="A21" s="33" t="s">
        <v>22</v>
      </c>
      <c r="B21" s="17">
        <v>477323994</v>
      </c>
      <c r="C21" s="61">
        <v>45.2</v>
      </c>
      <c r="D21" s="70">
        <v>452041923</v>
      </c>
      <c r="E21" s="62">
        <v>42.8</v>
      </c>
      <c r="F21" s="63">
        <v>126549184</v>
      </c>
      <c r="G21" s="64">
        <v>12</v>
      </c>
      <c r="H21" s="63">
        <v>1055915101</v>
      </c>
      <c r="I21" s="64">
        <v>100</v>
      </c>
    </row>
    <row r="22" spans="1:9" ht="11.15" customHeight="1" x14ac:dyDescent="0.2">
      <c r="A22" s="41" t="s">
        <v>23</v>
      </c>
      <c r="B22" s="71">
        <v>214179408</v>
      </c>
      <c r="C22" s="65">
        <v>40.6</v>
      </c>
      <c r="D22" s="59">
        <v>220435658</v>
      </c>
      <c r="E22" s="67">
        <v>41.8</v>
      </c>
      <c r="F22" s="68">
        <v>92462196</v>
      </c>
      <c r="G22" s="69">
        <v>17.600000000000001</v>
      </c>
      <c r="H22" s="68">
        <v>527077262</v>
      </c>
      <c r="I22" s="69">
        <v>100</v>
      </c>
    </row>
    <row r="23" spans="1:9" ht="11.15" customHeight="1" x14ac:dyDescent="0.2">
      <c r="A23" s="25" t="s">
        <v>24</v>
      </c>
      <c r="B23" s="17">
        <v>323540505</v>
      </c>
      <c r="C23" s="54">
        <v>42.6</v>
      </c>
      <c r="D23" s="59">
        <v>317282178</v>
      </c>
      <c r="E23" s="56">
        <v>41.7</v>
      </c>
      <c r="F23" s="57">
        <v>119595540</v>
      </c>
      <c r="G23" s="58">
        <v>15.7</v>
      </c>
      <c r="H23" s="57">
        <v>760418223</v>
      </c>
      <c r="I23" s="58">
        <v>100</v>
      </c>
    </row>
    <row r="24" spans="1:9" ht="11.15" customHeight="1" x14ac:dyDescent="0.2">
      <c r="A24" s="25" t="s">
        <v>25</v>
      </c>
      <c r="B24" s="17">
        <v>247040588</v>
      </c>
      <c r="C24" s="54">
        <v>41.9</v>
      </c>
      <c r="D24" s="59">
        <v>260268704</v>
      </c>
      <c r="E24" s="56">
        <v>44.1</v>
      </c>
      <c r="F24" s="57">
        <v>82918477</v>
      </c>
      <c r="G24" s="58">
        <v>14</v>
      </c>
      <c r="H24" s="57">
        <v>590227769</v>
      </c>
      <c r="I24" s="58">
        <v>100</v>
      </c>
    </row>
    <row r="25" spans="1:9" ht="11.15" customHeight="1" x14ac:dyDescent="0.2">
      <c r="A25" s="25" t="s">
        <v>26</v>
      </c>
      <c r="B25" s="17">
        <v>98745409</v>
      </c>
      <c r="C25" s="54">
        <v>40.299999999999997</v>
      </c>
      <c r="D25" s="59">
        <v>98117706</v>
      </c>
      <c r="E25" s="56">
        <v>40.1</v>
      </c>
      <c r="F25" s="57">
        <v>48005736</v>
      </c>
      <c r="G25" s="58">
        <v>19.600000000000001</v>
      </c>
      <c r="H25" s="57">
        <v>244868851</v>
      </c>
      <c r="I25" s="58">
        <v>100</v>
      </c>
    </row>
    <row r="26" spans="1:9" ht="11.15" customHeight="1" x14ac:dyDescent="0.2">
      <c r="A26" s="46" t="s">
        <v>27</v>
      </c>
      <c r="B26" s="79">
        <v>201736530</v>
      </c>
      <c r="C26" s="72">
        <v>46.5</v>
      </c>
      <c r="D26" s="82">
        <v>157010452</v>
      </c>
      <c r="E26" s="73">
        <v>36.200000000000003</v>
      </c>
      <c r="F26" s="74">
        <v>74974164</v>
      </c>
      <c r="G26" s="75">
        <v>17.3</v>
      </c>
      <c r="H26" s="74">
        <v>433721146</v>
      </c>
      <c r="I26" s="75">
        <v>100</v>
      </c>
    </row>
    <row r="27" spans="1:9" ht="11.15" customHeight="1" x14ac:dyDescent="0.2">
      <c r="A27" s="25" t="s">
        <v>28</v>
      </c>
      <c r="B27" s="76">
        <v>80863475</v>
      </c>
      <c r="C27" s="54">
        <v>50.6</v>
      </c>
      <c r="D27" s="59">
        <v>70710623</v>
      </c>
      <c r="E27" s="56">
        <v>44.2</v>
      </c>
      <c r="F27" s="57">
        <v>8262753</v>
      </c>
      <c r="G27" s="58">
        <v>5.2</v>
      </c>
      <c r="H27" s="57">
        <v>159836851</v>
      </c>
      <c r="I27" s="58">
        <v>100</v>
      </c>
    </row>
    <row r="28" spans="1:9" ht="11.15" customHeight="1" x14ac:dyDescent="0.2">
      <c r="A28" s="25" t="s">
        <v>29</v>
      </c>
      <c r="B28" s="76">
        <v>146013216</v>
      </c>
      <c r="C28" s="54">
        <v>46.4</v>
      </c>
      <c r="D28" s="59">
        <v>102388042</v>
      </c>
      <c r="E28" s="56">
        <v>32.5</v>
      </c>
      <c r="F28" s="57">
        <v>66416835</v>
      </c>
      <c r="G28" s="58">
        <v>21.1</v>
      </c>
      <c r="H28" s="57">
        <v>314818093</v>
      </c>
      <c r="I28" s="58">
        <v>100</v>
      </c>
    </row>
    <row r="29" spans="1:9" ht="11.15" customHeight="1" x14ac:dyDescent="0.2">
      <c r="A29" s="25" t="s">
        <v>30</v>
      </c>
      <c r="B29" s="76">
        <v>83015405</v>
      </c>
      <c r="C29" s="54">
        <v>50.1</v>
      </c>
      <c r="D29" s="59">
        <v>57319708</v>
      </c>
      <c r="E29" s="56">
        <v>34.6</v>
      </c>
      <c r="F29" s="57">
        <v>25363834</v>
      </c>
      <c r="G29" s="58">
        <v>15.3</v>
      </c>
      <c r="H29" s="57">
        <v>165698947</v>
      </c>
      <c r="I29" s="58">
        <v>100</v>
      </c>
    </row>
    <row r="30" spans="1:9" ht="11.15" customHeight="1" x14ac:dyDescent="0.2">
      <c r="A30" s="25" t="s">
        <v>31</v>
      </c>
      <c r="B30" s="76">
        <v>50747178</v>
      </c>
      <c r="C30" s="54">
        <v>48.3</v>
      </c>
      <c r="D30" s="59">
        <v>40999295</v>
      </c>
      <c r="E30" s="56">
        <v>39</v>
      </c>
      <c r="F30" s="57">
        <v>13399110</v>
      </c>
      <c r="G30" s="58">
        <v>12.7</v>
      </c>
      <c r="H30" s="57">
        <v>105145583</v>
      </c>
      <c r="I30" s="58">
        <v>100</v>
      </c>
    </row>
    <row r="31" spans="1:9" ht="11.15" customHeight="1" x14ac:dyDescent="0.2">
      <c r="A31" s="25" t="s">
        <v>32</v>
      </c>
      <c r="B31" s="77">
        <v>34731841</v>
      </c>
      <c r="C31" s="54">
        <v>31.7</v>
      </c>
      <c r="D31" s="59">
        <v>45553524</v>
      </c>
      <c r="E31" s="56">
        <v>41.6</v>
      </c>
      <c r="F31" s="57">
        <v>29324404</v>
      </c>
      <c r="G31" s="58">
        <v>26.7</v>
      </c>
      <c r="H31" s="57">
        <v>109609769</v>
      </c>
      <c r="I31" s="58">
        <v>100</v>
      </c>
    </row>
    <row r="32" spans="1:9" ht="11.15" customHeight="1" x14ac:dyDescent="0.2">
      <c r="A32" s="41" t="s">
        <v>33</v>
      </c>
      <c r="B32" s="76">
        <v>52290870</v>
      </c>
      <c r="C32" s="65">
        <v>47.7</v>
      </c>
      <c r="D32" s="66">
        <v>45923116</v>
      </c>
      <c r="E32" s="67">
        <v>41.9</v>
      </c>
      <c r="F32" s="68">
        <v>11344173</v>
      </c>
      <c r="G32" s="69">
        <v>10.4</v>
      </c>
      <c r="H32" s="68">
        <v>109558159</v>
      </c>
      <c r="I32" s="69">
        <v>100</v>
      </c>
    </row>
    <row r="33" spans="1:9" ht="11.15" customHeight="1" x14ac:dyDescent="0.2">
      <c r="A33" s="25" t="s">
        <v>34</v>
      </c>
      <c r="B33" s="76">
        <v>28074418</v>
      </c>
      <c r="C33" s="54">
        <v>49.3</v>
      </c>
      <c r="D33" s="59">
        <v>18956976</v>
      </c>
      <c r="E33" s="56">
        <v>33.299999999999997</v>
      </c>
      <c r="F33" s="57">
        <v>9897151</v>
      </c>
      <c r="G33" s="58">
        <v>17.399999999999999</v>
      </c>
      <c r="H33" s="57">
        <v>56928545</v>
      </c>
      <c r="I33" s="58">
        <v>100</v>
      </c>
    </row>
    <row r="34" spans="1:9" ht="11.15" customHeight="1" x14ac:dyDescent="0.2">
      <c r="A34" s="25" t="s">
        <v>35</v>
      </c>
      <c r="B34" s="76">
        <v>22141712</v>
      </c>
      <c r="C34" s="54">
        <v>35.799999999999997</v>
      </c>
      <c r="D34" s="59">
        <v>21105031</v>
      </c>
      <c r="E34" s="56">
        <v>34.1</v>
      </c>
      <c r="F34" s="57">
        <v>18652383</v>
      </c>
      <c r="G34" s="58">
        <v>30.1</v>
      </c>
      <c r="H34" s="57">
        <v>61899126</v>
      </c>
      <c r="I34" s="58">
        <v>100</v>
      </c>
    </row>
    <row r="35" spans="1:9" ht="11.15" customHeight="1" x14ac:dyDescent="0.2">
      <c r="A35" s="25" t="s">
        <v>36</v>
      </c>
      <c r="B35" s="76">
        <v>44336966</v>
      </c>
      <c r="C35" s="54">
        <v>41.3</v>
      </c>
      <c r="D35" s="59">
        <v>45532549</v>
      </c>
      <c r="E35" s="56">
        <v>42.4</v>
      </c>
      <c r="F35" s="57">
        <v>17493204</v>
      </c>
      <c r="G35" s="58">
        <v>16.3</v>
      </c>
      <c r="H35" s="57">
        <v>107362719</v>
      </c>
      <c r="I35" s="58">
        <v>100</v>
      </c>
    </row>
    <row r="36" spans="1:9" ht="11.15" customHeight="1" x14ac:dyDescent="0.2">
      <c r="A36" s="33" t="s">
        <v>37</v>
      </c>
      <c r="B36" s="76">
        <v>82559890</v>
      </c>
      <c r="C36" s="61">
        <v>28.7</v>
      </c>
      <c r="D36" s="59">
        <v>162226376</v>
      </c>
      <c r="E36" s="62">
        <v>56.3</v>
      </c>
      <c r="F36" s="63">
        <v>43334342</v>
      </c>
      <c r="G36" s="64">
        <v>15</v>
      </c>
      <c r="H36" s="63">
        <v>288120608</v>
      </c>
      <c r="I36" s="64">
        <v>100</v>
      </c>
    </row>
    <row r="37" spans="1:9" ht="11.15" customHeight="1" x14ac:dyDescent="0.2">
      <c r="A37" s="25" t="s">
        <v>38</v>
      </c>
      <c r="B37" s="78">
        <v>12272662</v>
      </c>
      <c r="C37" s="54">
        <v>35.1</v>
      </c>
      <c r="D37" s="66">
        <v>16017704</v>
      </c>
      <c r="E37" s="56">
        <v>45.8</v>
      </c>
      <c r="F37" s="57">
        <v>6704824</v>
      </c>
      <c r="G37" s="58">
        <v>19.100000000000001</v>
      </c>
      <c r="H37" s="57">
        <v>34995190</v>
      </c>
      <c r="I37" s="58">
        <v>100</v>
      </c>
    </row>
    <row r="38" spans="1:9" ht="11.15" customHeight="1" x14ac:dyDescent="0.2">
      <c r="A38" s="25" t="s">
        <v>39</v>
      </c>
      <c r="B38" s="76">
        <v>38516222</v>
      </c>
      <c r="C38" s="54">
        <v>29.9</v>
      </c>
      <c r="D38" s="59">
        <v>71459078</v>
      </c>
      <c r="E38" s="56">
        <v>55.6</v>
      </c>
      <c r="F38" s="57">
        <v>18633383</v>
      </c>
      <c r="G38" s="58">
        <v>14.5</v>
      </c>
      <c r="H38" s="57">
        <v>128608683</v>
      </c>
      <c r="I38" s="58">
        <v>100</v>
      </c>
    </row>
    <row r="39" spans="1:9" ht="11.15" customHeight="1" x14ac:dyDescent="0.2">
      <c r="A39" s="25" t="s">
        <v>40</v>
      </c>
      <c r="B39" s="76">
        <v>99928110</v>
      </c>
      <c r="C39" s="54">
        <v>35.6</v>
      </c>
      <c r="D39" s="59">
        <v>119205564</v>
      </c>
      <c r="E39" s="56">
        <v>42.4</v>
      </c>
      <c r="F39" s="57">
        <v>61935587</v>
      </c>
      <c r="G39" s="58">
        <v>22</v>
      </c>
      <c r="H39" s="57">
        <v>281069261</v>
      </c>
      <c r="I39" s="58">
        <v>100</v>
      </c>
    </row>
    <row r="40" spans="1:9" ht="11.15" customHeight="1" x14ac:dyDescent="0.2">
      <c r="A40" s="46" t="s">
        <v>41</v>
      </c>
      <c r="B40" s="83">
        <v>4620778</v>
      </c>
      <c r="C40" s="72">
        <v>35.9</v>
      </c>
      <c r="D40" s="84">
        <v>5731894</v>
      </c>
      <c r="E40" s="73">
        <v>44.5</v>
      </c>
      <c r="F40" s="74">
        <v>2531193</v>
      </c>
      <c r="G40" s="75">
        <v>19.600000000000001</v>
      </c>
      <c r="H40" s="74">
        <v>12883865</v>
      </c>
      <c r="I40" s="75">
        <v>100</v>
      </c>
    </row>
    <row r="41" spans="1:9" ht="22.15" customHeight="1" x14ac:dyDescent="0.2">
      <c r="A41" s="46" t="s">
        <v>42</v>
      </c>
      <c r="B41" s="74">
        <v>20429663991</v>
      </c>
      <c r="C41" s="72">
        <v>41.7</v>
      </c>
      <c r="D41" s="74">
        <v>21387516331</v>
      </c>
      <c r="E41" s="73">
        <v>43.6</v>
      </c>
      <c r="F41" s="74">
        <v>7233272492</v>
      </c>
      <c r="G41" s="75">
        <v>14.7</v>
      </c>
      <c r="H41" s="74">
        <v>49050452814</v>
      </c>
      <c r="I41" s="75">
        <v>100</v>
      </c>
    </row>
    <row r="42" spans="1:9" ht="11.15" customHeight="1" x14ac:dyDescent="0.2">
      <c r="A42" s="6" t="s">
        <v>48</v>
      </c>
      <c r="B42" s="6"/>
      <c r="C42" s="6"/>
      <c r="D42" s="6"/>
      <c r="E42" s="6"/>
      <c r="F42" s="6"/>
      <c r="G42" s="6"/>
      <c r="H42" s="6"/>
      <c r="I42" s="6"/>
    </row>
    <row r="43" spans="1:9" ht="11.15" customHeight="1" x14ac:dyDescent="0.2">
      <c r="A43" s="6" t="s">
        <v>51</v>
      </c>
      <c r="B43" s="6"/>
      <c r="C43" s="6"/>
      <c r="D43" s="6"/>
      <c r="E43" s="6"/>
      <c r="F43" s="6"/>
      <c r="G43" s="6"/>
      <c r="H43" s="6"/>
      <c r="I43" s="6"/>
    </row>
  </sheetData>
  <mergeCells count="12">
    <mergeCell ref="H6:H7"/>
    <mergeCell ref="I6:I7"/>
    <mergeCell ref="B4:C5"/>
    <mergeCell ref="D4:E5"/>
    <mergeCell ref="F4:G5"/>
    <mergeCell ref="H4:I5"/>
    <mergeCell ref="B6:B7"/>
    <mergeCell ref="C6:C7"/>
    <mergeCell ref="D6:D7"/>
    <mergeCell ref="E6:E7"/>
    <mergeCell ref="F6:F7"/>
    <mergeCell ref="G6:G7"/>
  </mergeCells>
  <phoneticPr fontId="4"/>
  <printOptions verticalCentered="1"/>
  <pageMargins left="0.98425196850393704" right="0.98425196850393704" top="0.59055118110236227" bottom="0.59055118110236227" header="0.51181102362204722" footer="0.31496062992125984"/>
  <pageSetup paperSize="9" scale="97" firstPageNumber="255" orientation="landscape" blackAndWhite="1" useFirstPageNumber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固定　納税義務者数</vt:lpstr>
      <vt:lpstr>固定　課税標準額</vt:lpstr>
      <vt:lpstr>'固定　課税標準額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cp:lastPrinted>2020-02-04T00:33:27Z</cp:lastPrinted>
  <dcterms:created xsi:type="dcterms:W3CDTF">2018-12-06T06:19:09Z</dcterms:created>
  <dcterms:modified xsi:type="dcterms:W3CDTF">2020-02-10T01:17:02Z</dcterms:modified>
</cp:coreProperties>
</file>